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5\Desktop\"/>
    </mc:Choice>
  </mc:AlternateContent>
  <bookViews>
    <workbookView xWindow="0" yWindow="0" windowWidth="20490" windowHeight="7155"/>
  </bookViews>
  <sheets>
    <sheet name="1" sheetId="1" r:id="rId1"/>
  </sheets>
  <externalReferences>
    <externalReference r:id="rId2"/>
  </externalReferences>
  <calcPr calcId="162913"/>
</workbook>
</file>

<file path=xl/calcChain.xml><?xml version="1.0" encoding="utf-8"?>
<calcChain xmlns="http://schemas.openxmlformats.org/spreadsheetml/2006/main">
  <c r="C14" i="1" l="1"/>
  <c r="C15" i="1"/>
  <c r="C16" i="1"/>
  <c r="C17" i="1"/>
  <c r="C18" i="1"/>
  <c r="C9" i="1"/>
</calcChain>
</file>

<file path=xl/sharedStrings.xml><?xml version="1.0" encoding="utf-8"?>
<sst xmlns="http://schemas.openxmlformats.org/spreadsheetml/2006/main" count="39" uniqueCount="38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сладкое</t>
  </si>
  <si>
    <t>фрукты</t>
  </si>
  <si>
    <t>хлеб черн.</t>
  </si>
  <si>
    <t>Отд./корп</t>
  </si>
  <si>
    <t>хлеб</t>
  </si>
  <si>
    <t>№ рец.</t>
  </si>
  <si>
    <t>Выход, г</t>
  </si>
  <si>
    <t>КОФЕЙНЫЙ НАПИТОК</t>
  </si>
  <si>
    <t>ХЛЕБ ПШЕНИЧНЫЙ</t>
  </si>
  <si>
    <t>МАСЛО СЛИВОЧНОЕ (ПОРЦИЯМИ)</t>
  </si>
  <si>
    <t>ЙОГУРТ В ИНДИВИДУАЛЬНОЙ УПАКОВКЕ</t>
  </si>
  <si>
    <t>ИТОГО</t>
  </si>
  <si>
    <t>ВСЕГО</t>
  </si>
  <si>
    <t>МБОУ Кременевская ОШ</t>
  </si>
  <si>
    <t>СУП МОЛОЧНЫЙ МАКАРОНЫМИ ИЗДЕЛИЯМИ</t>
  </si>
  <si>
    <t>ОВОЩИ НАТУРАЛЬНЫЕ СВЕЖИЕ</t>
  </si>
  <si>
    <t>БОРЩ С КАПУСТОЙ ,КАРТОФЕЛЕМ И СМЕТАНОЙ</t>
  </si>
  <si>
    <t>ЖАРКОЕ ПО-ДОМАШНЕМУ</t>
  </si>
  <si>
    <t>КОМПОТ ИЗ СМЕСИ СУХОФРУКТОВ</t>
  </si>
  <si>
    <t>ХЛЕБ РЖАНОЙ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2" xfId="0" applyFill="1" applyBorder="1" applyProtection="1">
      <protection locked="0"/>
    </xf>
    <xf numFmtId="0" fontId="0" fillId="0" borderId="3" xfId="0" applyBorder="1"/>
    <xf numFmtId="0" fontId="0" fillId="0" borderId="4" xfId="0" applyBorder="1"/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7" xfId="0" applyFill="1" applyBorder="1" applyProtection="1">
      <protection locked="0"/>
    </xf>
    <xf numFmtId="0" fontId="0" fillId="0" borderId="2" xfId="0" applyBorder="1"/>
    <xf numFmtId="0" fontId="0" fillId="3" borderId="4" xfId="0" applyFill="1" applyBorder="1"/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1" fontId="0" fillId="2" borderId="4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3" xfId="0" applyNumberFormat="1" applyFill="1" applyBorder="1" applyProtection="1">
      <protection locked="0"/>
    </xf>
    <xf numFmtId="1" fontId="0" fillId="2" borderId="2" xfId="0" applyNumberFormat="1" applyFill="1" applyBorder="1" applyProtection="1">
      <protection locked="0"/>
    </xf>
    <xf numFmtId="1" fontId="0" fillId="2" borderId="14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7" xfId="0" applyNumberFormat="1" applyFill="1" applyBorder="1" applyProtection="1">
      <protection locked="0"/>
    </xf>
    <xf numFmtId="2" fontId="0" fillId="2" borderId="2" xfId="0" applyNumberFormat="1" applyFill="1" applyBorder="1" applyProtection="1">
      <protection locked="0"/>
    </xf>
    <xf numFmtId="0" fontId="0" fillId="2" borderId="15" xfId="0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2" fontId="0" fillId="2" borderId="15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7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alignment wrapText="1"/>
      <protection locked="0"/>
    </xf>
    <xf numFmtId="0" fontId="0" fillId="2" borderId="15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protection locked="0"/>
    </xf>
    <xf numFmtId="0" fontId="0" fillId="2" borderId="18" xfId="0" applyFill="1" applyBorder="1" applyAlignment="1" applyProtection="1">
      <protection locked="0"/>
    </xf>
    <xf numFmtId="0" fontId="0" fillId="0" borderId="19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04,09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ge1"/>
    </sheetNames>
    <sheetDataSet>
      <sheetData sheetId="0">
        <row r="19">
          <cell r="C19" t="str">
            <v/>
          </cell>
        </row>
        <row r="22">
          <cell r="C22" t="str">
            <v>71</v>
          </cell>
        </row>
        <row r="23">
          <cell r="C23" t="str">
            <v>76</v>
          </cell>
        </row>
        <row r="24">
          <cell r="C24" t="str">
            <v>258</v>
          </cell>
        </row>
        <row r="25">
          <cell r="C25" t="str">
            <v>402</v>
          </cell>
        </row>
        <row r="26">
          <cell r="C26" t="str">
            <v/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2"/>
  <sheetViews>
    <sheetView showGridLines="0" showRowColHeaders="0" tabSelected="1" zoomScale="106" zoomScaleNormal="106" workbookViewId="0">
      <selection activeCell="G23" sqref="G23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570312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8" t="s">
        <v>31</v>
      </c>
      <c r="C1" s="39"/>
      <c r="D1" s="40"/>
      <c r="E1" t="s">
        <v>21</v>
      </c>
      <c r="F1" s="24"/>
      <c r="I1" t="s">
        <v>1</v>
      </c>
      <c r="J1" s="23">
        <v>45390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3</v>
      </c>
      <c r="D3" s="13" t="s">
        <v>4</v>
      </c>
      <c r="E3" s="13" t="s">
        <v>24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ht="30" x14ac:dyDescent="0.25">
      <c r="A4" s="4" t="s">
        <v>10</v>
      </c>
      <c r="B4" s="5" t="s">
        <v>11</v>
      </c>
      <c r="C4" s="6">
        <v>112</v>
      </c>
      <c r="D4" s="33" t="s">
        <v>32</v>
      </c>
      <c r="E4" s="15">
        <v>250</v>
      </c>
      <c r="F4" s="25">
        <v>24.29</v>
      </c>
      <c r="G4" s="15">
        <v>75</v>
      </c>
      <c r="H4" s="15">
        <v>0.1</v>
      </c>
      <c r="I4" s="15">
        <v>5</v>
      </c>
      <c r="J4" s="16">
        <v>0.1</v>
      </c>
    </row>
    <row r="5" spans="1:10" x14ac:dyDescent="0.25">
      <c r="A5" s="7"/>
      <c r="B5" s="1" t="s">
        <v>12</v>
      </c>
      <c r="C5" s="2">
        <v>432</v>
      </c>
      <c r="D5" s="34" t="s">
        <v>25</v>
      </c>
      <c r="E5" s="17">
        <v>200</v>
      </c>
      <c r="F5" s="26">
        <v>17.850000000000001</v>
      </c>
      <c r="G5" s="17">
        <v>109</v>
      </c>
      <c r="H5" s="17">
        <v>6.9</v>
      </c>
      <c r="I5" s="17">
        <v>4</v>
      </c>
      <c r="J5" s="18">
        <v>0</v>
      </c>
    </row>
    <row r="6" spans="1:10" x14ac:dyDescent="0.25">
      <c r="A6" s="7"/>
      <c r="B6" s="1" t="s">
        <v>22</v>
      </c>
      <c r="C6" s="2"/>
      <c r="D6" s="34" t="s">
        <v>26</v>
      </c>
      <c r="E6" s="17">
        <v>40</v>
      </c>
      <c r="F6" s="26">
        <v>1.95</v>
      </c>
      <c r="G6" s="17">
        <v>281</v>
      </c>
      <c r="H6" s="17">
        <v>4</v>
      </c>
      <c r="I6" s="17">
        <v>4</v>
      </c>
      <c r="J6" s="18">
        <v>35</v>
      </c>
    </row>
    <row r="7" spans="1:10" x14ac:dyDescent="0.25">
      <c r="A7" s="7"/>
      <c r="B7" s="2"/>
      <c r="C7" s="2">
        <v>13</v>
      </c>
      <c r="D7" s="34" t="s">
        <v>27</v>
      </c>
      <c r="E7" s="17">
        <v>30</v>
      </c>
      <c r="F7" s="26">
        <v>9.36</v>
      </c>
      <c r="G7" s="17">
        <v>175</v>
      </c>
      <c r="H7" s="17">
        <v>4.7</v>
      </c>
      <c r="I7" s="17">
        <v>4.7</v>
      </c>
      <c r="J7" s="18">
        <v>28.3</v>
      </c>
    </row>
    <row r="8" spans="1:10" x14ac:dyDescent="0.25">
      <c r="A8" s="7"/>
      <c r="B8" s="29"/>
      <c r="C8" s="29"/>
      <c r="D8" s="37" t="s">
        <v>28</v>
      </c>
      <c r="E8" s="30">
        <v>95</v>
      </c>
      <c r="F8" s="31">
        <v>21.55</v>
      </c>
      <c r="G8" s="30">
        <v>95</v>
      </c>
      <c r="H8" s="30">
        <v>3.2</v>
      </c>
      <c r="I8" s="30">
        <v>0.4</v>
      </c>
      <c r="J8" s="32">
        <v>19.600000000000001</v>
      </c>
    </row>
    <row r="9" spans="1:10" x14ac:dyDescent="0.25">
      <c r="A9" s="7"/>
      <c r="B9" s="29"/>
      <c r="C9" s="29" t="str">
        <f>[1]Page1!C19</f>
        <v/>
      </c>
      <c r="D9" s="37"/>
      <c r="E9" s="30"/>
      <c r="F9" s="31"/>
      <c r="G9" s="30"/>
      <c r="H9" s="30"/>
      <c r="I9" s="30"/>
      <c r="J9" s="32"/>
    </row>
    <row r="10" spans="1:10" ht="15.75" thickBot="1" x14ac:dyDescent="0.3">
      <c r="A10" s="8"/>
      <c r="B10" s="9"/>
      <c r="C10" s="9"/>
      <c r="D10" s="35" t="s">
        <v>29</v>
      </c>
      <c r="E10" s="19"/>
      <c r="F10" s="27">
        <v>75</v>
      </c>
      <c r="G10" s="19">
        <v>735</v>
      </c>
      <c r="H10" s="19">
        <v>19</v>
      </c>
      <c r="I10" s="19">
        <v>18</v>
      </c>
      <c r="J10" s="20">
        <v>83</v>
      </c>
    </row>
    <row r="11" spans="1:10" x14ac:dyDescent="0.25">
      <c r="A11" s="4" t="s">
        <v>13</v>
      </c>
      <c r="B11" s="11" t="s">
        <v>19</v>
      </c>
      <c r="C11" s="6"/>
      <c r="D11" s="33"/>
      <c r="E11" s="15"/>
      <c r="F11" s="25"/>
      <c r="G11" s="15"/>
      <c r="H11" s="15"/>
      <c r="I11" s="15"/>
      <c r="J11" s="16"/>
    </row>
    <row r="12" spans="1:10" x14ac:dyDescent="0.25">
      <c r="A12" s="7"/>
      <c r="B12" s="2"/>
      <c r="C12" s="2"/>
      <c r="D12" s="34"/>
      <c r="E12" s="17"/>
      <c r="F12" s="26"/>
      <c r="G12" s="17"/>
      <c r="H12" s="17"/>
      <c r="I12" s="17"/>
      <c r="J12" s="18"/>
    </row>
    <row r="13" spans="1:10" ht="15.75" thickBot="1" x14ac:dyDescent="0.3">
      <c r="A13" s="8"/>
      <c r="B13" s="9"/>
      <c r="C13" s="9"/>
      <c r="D13" s="35"/>
      <c r="E13" s="19"/>
      <c r="F13" s="27"/>
      <c r="G13" s="19"/>
      <c r="H13" s="19"/>
      <c r="I13" s="19"/>
      <c r="J13" s="20"/>
    </row>
    <row r="14" spans="1:10" x14ac:dyDescent="0.25">
      <c r="A14" s="7" t="s">
        <v>14</v>
      </c>
      <c r="B14" s="10" t="s">
        <v>15</v>
      </c>
      <c r="C14" s="3" t="str">
        <f>[1]Page1!C22</f>
        <v>71</v>
      </c>
      <c r="D14" s="36" t="s">
        <v>33</v>
      </c>
      <c r="E14" s="21">
        <v>70</v>
      </c>
      <c r="F14" s="28">
        <v>5.6</v>
      </c>
      <c r="G14" s="21">
        <v>10</v>
      </c>
      <c r="H14" s="21">
        <v>0.4</v>
      </c>
      <c r="I14" s="21">
        <v>0.1</v>
      </c>
      <c r="J14" s="22">
        <v>1.3</v>
      </c>
    </row>
    <row r="15" spans="1:10" ht="30" x14ac:dyDescent="0.25">
      <c r="A15" s="7"/>
      <c r="B15" s="1" t="s">
        <v>16</v>
      </c>
      <c r="C15" s="2" t="str">
        <f>[1]Page1!C23</f>
        <v>76</v>
      </c>
      <c r="D15" s="34" t="s">
        <v>34</v>
      </c>
      <c r="E15" s="17">
        <v>250</v>
      </c>
      <c r="F15" s="26">
        <v>31.49</v>
      </c>
      <c r="G15" s="17">
        <v>234</v>
      </c>
      <c r="H15" s="17">
        <v>4</v>
      </c>
      <c r="I15" s="17">
        <v>7.4</v>
      </c>
      <c r="J15" s="18">
        <v>12.8</v>
      </c>
    </row>
    <row r="16" spans="1:10" x14ac:dyDescent="0.25">
      <c r="A16" s="7"/>
      <c r="B16" s="1" t="s">
        <v>17</v>
      </c>
      <c r="C16" s="2" t="str">
        <f>[1]Page1!C24</f>
        <v>258</v>
      </c>
      <c r="D16" s="34" t="s">
        <v>35</v>
      </c>
      <c r="E16" s="17">
        <v>200</v>
      </c>
      <c r="F16" s="26">
        <v>27.06</v>
      </c>
      <c r="G16" s="17">
        <v>280</v>
      </c>
      <c r="H16" s="17">
        <v>8.4</v>
      </c>
      <c r="I16" s="17">
        <v>10.199999999999999</v>
      </c>
      <c r="J16" s="18">
        <v>31</v>
      </c>
    </row>
    <row r="17" spans="1:10" x14ac:dyDescent="0.25">
      <c r="A17" s="7"/>
      <c r="B17" s="1" t="s">
        <v>18</v>
      </c>
      <c r="C17" s="2" t="str">
        <f>[1]Page1!C25</f>
        <v>402</v>
      </c>
      <c r="D17" s="34" t="s">
        <v>36</v>
      </c>
      <c r="E17" s="17">
        <v>200</v>
      </c>
      <c r="F17" s="26">
        <v>8.9</v>
      </c>
      <c r="G17" s="17">
        <v>77</v>
      </c>
      <c r="H17" s="17">
        <v>0</v>
      </c>
      <c r="I17" s="17">
        <v>0</v>
      </c>
      <c r="J17" s="18">
        <v>19.399999999999999</v>
      </c>
    </row>
    <row r="18" spans="1:10" x14ac:dyDescent="0.25">
      <c r="A18" s="7"/>
      <c r="B18" s="1" t="s">
        <v>20</v>
      </c>
      <c r="C18" s="2" t="str">
        <f>[1]Page1!C26</f>
        <v/>
      </c>
      <c r="D18" s="34" t="s">
        <v>37</v>
      </c>
      <c r="E18" s="17">
        <v>40</v>
      </c>
      <c r="F18" s="26">
        <v>1.95</v>
      </c>
      <c r="G18" s="17">
        <v>71</v>
      </c>
      <c r="H18" s="17">
        <v>4.5999999999999996</v>
      </c>
      <c r="I18" s="17">
        <v>1</v>
      </c>
      <c r="J18" s="18">
        <v>19</v>
      </c>
    </row>
    <row r="19" spans="1:10" x14ac:dyDescent="0.25">
      <c r="A19" s="7"/>
      <c r="B19" s="1"/>
      <c r="C19" s="2"/>
      <c r="D19" s="34" t="s">
        <v>29</v>
      </c>
      <c r="E19" s="17"/>
      <c r="F19" s="26">
        <v>75</v>
      </c>
      <c r="G19" s="17">
        <v>672</v>
      </c>
      <c r="H19" s="17">
        <v>17</v>
      </c>
      <c r="I19" s="17">
        <v>18.100000000000001</v>
      </c>
      <c r="J19" s="18">
        <v>83</v>
      </c>
    </row>
    <row r="20" spans="1:10" x14ac:dyDescent="0.25">
      <c r="A20" s="7"/>
      <c r="B20" s="1"/>
      <c r="C20" s="2"/>
      <c r="D20" s="34"/>
      <c r="E20" s="17"/>
      <c r="F20" s="26"/>
      <c r="G20" s="17"/>
      <c r="H20" s="17"/>
      <c r="I20" s="17"/>
      <c r="J20" s="18"/>
    </row>
    <row r="21" spans="1:10" x14ac:dyDescent="0.25">
      <c r="A21" s="7"/>
      <c r="B21" s="29"/>
      <c r="C21" s="29"/>
      <c r="D21" s="37"/>
      <c r="E21" s="30"/>
      <c r="F21" s="31"/>
      <c r="G21" s="30"/>
      <c r="H21" s="30"/>
      <c r="I21" s="30"/>
      <c r="J21" s="32"/>
    </row>
    <row r="22" spans="1:10" ht="15.75" thickBot="1" x14ac:dyDescent="0.3">
      <c r="A22" s="8"/>
      <c r="B22" s="9"/>
      <c r="C22" s="9"/>
      <c r="D22" s="35" t="s">
        <v>30</v>
      </c>
      <c r="E22" s="19"/>
      <c r="F22" s="27">
        <v>150</v>
      </c>
      <c r="G22" s="19">
        <v>1407</v>
      </c>
      <c r="H22" s="19">
        <v>36</v>
      </c>
      <c r="I22" s="19">
        <v>36</v>
      </c>
      <c r="J22" s="20">
        <v>166</v>
      </c>
    </row>
  </sheetData>
  <sheetProtection sheet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Admin</cp:lastModifiedBy>
  <cp:lastPrinted>2021-05-18T10:32:40Z</cp:lastPrinted>
  <dcterms:created xsi:type="dcterms:W3CDTF">2015-06-05T18:19:34Z</dcterms:created>
  <dcterms:modified xsi:type="dcterms:W3CDTF">2024-04-16T12:40:20Z</dcterms:modified>
</cp:coreProperties>
</file>